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aarlenassau/"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F4C352DD-8287-0657-B399-C51B70B3E98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3" y="4741023"/>
            <a:ext cx="2251551" cy="192282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logo&#10;&#10;Automatisch gegenereerde beschrijving">
            <a:extLst>
              <a:ext uri="{FF2B5EF4-FFF2-40B4-BE49-F238E27FC236}">
                <a16:creationId xmlns:a16="http://schemas.microsoft.com/office/drawing/2014/main" id="{390114F6-7B52-962C-EA3E-5019AC0BDE2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1701" y="4041181"/>
            <a:ext cx="1546702" cy="132088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0-07T11:42:29Z</dcterms:modified>
</cp:coreProperties>
</file>